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623653\Desktop\財務諸表HP\施策事業\注記・付属明細\"/>
    </mc:Choice>
  </mc:AlternateContent>
  <bookViews>
    <workbookView xWindow="0" yWindow="0" windowWidth="20490" windowHeight="7770" tabRatio="855"/>
  </bookViews>
  <sheets>
    <sheet name="注記" sheetId="52" r:id="rId1"/>
    <sheet name="引当金明細表 " sheetId="51" r:id="rId2"/>
  </sheets>
  <externalReferences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1">'引当金明細表 '!$A$1:$O$20</definedName>
    <definedName name="_xlnm.Print_Area" localSheetId="0">注記!$A$1:$D$39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52511"/>
</workbook>
</file>

<file path=xl/sharedStrings.xml><?xml version="1.0" encoding="utf-8"?>
<sst xmlns="http://schemas.openxmlformats.org/spreadsheetml/2006/main" count="28" uniqueCount="25">
  <si>
    <t>その他</t>
    <rPh sb="2" eb="3">
      <t>タ</t>
    </rPh>
    <phoneticPr fontId="2"/>
  </si>
  <si>
    <t>合計</t>
    <rPh sb="0" eb="2">
      <t>ゴウケイ</t>
    </rPh>
    <phoneticPr fontId="2"/>
  </si>
  <si>
    <t>計</t>
    <rPh sb="0" eb="1">
      <t>ケイ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区分</t>
  </si>
  <si>
    <t>引 当 金 明 細 表</t>
    <phoneticPr fontId="2"/>
  </si>
  <si>
    <t>（単位：円）</t>
    <phoneticPr fontId="2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一般会計</t>
  </si>
  <si>
    <t>住吉区役所</t>
  </si>
  <si>
    <t>国民年金事業</t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3"/>
  </si>
  <si>
    <t>当該事項はありません。</t>
    <rPh sb="0" eb="2">
      <t>トウガイ</t>
    </rPh>
    <rPh sb="2" eb="4">
      <t>ジコウ</t>
    </rPh>
    <phoneticPr fontId="3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0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10"/>
      <color theme="1"/>
      <name val="ＭＳ ゴシック"/>
      <family val="3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41">
    <xf numFmtId="0" fontId="0" fillId="0" borderId="0" xfId="0">
      <alignment vertical="center"/>
    </xf>
    <xf numFmtId="0" fontId="25" fillId="0" borderId="0" xfId="46" applyFont="1">
      <alignment vertical="center"/>
    </xf>
    <xf numFmtId="0" fontId="25" fillId="0" borderId="0" xfId="46" applyFont="1" applyAlignment="1">
      <alignment horizontal="right" vertical="center"/>
    </xf>
    <xf numFmtId="0" fontId="25" fillId="0" borderId="0" xfId="46" applyFont="1" applyFill="1">
      <alignment vertical="center"/>
    </xf>
    <xf numFmtId="0" fontId="25" fillId="0" borderId="0" xfId="46" quotePrefix="1" applyFont="1">
      <alignment vertical="center"/>
    </xf>
    <xf numFmtId="0" fontId="25" fillId="0" borderId="21" xfId="46" applyFont="1" applyBorder="1" applyAlignment="1">
      <alignment horizontal="center" vertical="center"/>
    </xf>
    <xf numFmtId="0" fontId="28" fillId="0" borderId="0" xfId="55" applyFont="1" applyFill="1" applyAlignment="1">
      <alignment horizontal="left" vertical="center"/>
    </xf>
    <xf numFmtId="176" fontId="29" fillId="0" borderId="21" xfId="46" applyNumberFormat="1" applyFont="1" applyBorder="1">
      <alignment vertical="center"/>
    </xf>
    <xf numFmtId="0" fontId="25" fillId="0" borderId="21" xfId="46" applyFont="1" applyBorder="1" applyAlignment="1">
      <alignment horizontal="left" vertical="center"/>
    </xf>
    <xf numFmtId="0" fontId="25" fillId="0" borderId="21" xfId="46" applyFont="1" applyBorder="1" applyAlignment="1">
      <alignment horizontal="center" vertical="center"/>
    </xf>
    <xf numFmtId="0" fontId="25" fillId="0" borderId="0" xfId="46" applyFont="1" applyAlignment="1">
      <alignment horizontal="center" vertical="center"/>
    </xf>
    <xf numFmtId="0" fontId="25" fillId="0" borderId="12" xfId="46" applyFont="1" applyBorder="1" applyAlignment="1">
      <alignment horizontal="center" vertical="center"/>
    </xf>
    <xf numFmtId="0" fontId="25" fillId="0" borderId="2" xfId="46" applyFont="1" applyBorder="1" applyAlignment="1">
      <alignment horizontal="center" vertical="center"/>
    </xf>
    <xf numFmtId="0" fontId="25" fillId="0" borderId="13" xfId="46" applyFont="1" applyBorder="1" applyAlignment="1">
      <alignment horizontal="center" vertical="center"/>
    </xf>
    <xf numFmtId="0" fontId="25" fillId="0" borderId="15" xfId="46" applyFont="1" applyBorder="1" applyAlignment="1">
      <alignment horizontal="center" vertical="center"/>
    </xf>
    <xf numFmtId="0" fontId="25" fillId="0" borderId="16" xfId="46" applyFont="1" applyBorder="1" applyAlignment="1">
      <alignment horizontal="center" vertical="center"/>
    </xf>
    <xf numFmtId="0" fontId="25" fillId="0" borderId="17" xfId="46" applyFont="1" applyBorder="1" applyAlignment="1">
      <alignment horizontal="center" vertical="center"/>
    </xf>
    <xf numFmtId="0" fontId="27" fillId="0" borderId="0" xfId="46" applyFont="1" applyAlignment="1">
      <alignment horizontal="center" vertical="center"/>
    </xf>
    <xf numFmtId="0" fontId="26" fillId="0" borderId="0" xfId="46" applyFont="1" applyAlignment="1">
      <alignment horizontal="center" vertical="center"/>
    </xf>
    <xf numFmtId="0" fontId="25" fillId="0" borderId="14" xfId="46" applyFont="1" applyBorder="1" applyAlignment="1">
      <alignment horizontal="center" vertical="center"/>
    </xf>
    <xf numFmtId="0" fontId="25" fillId="0" borderId="18" xfId="46" applyFont="1" applyBorder="1" applyAlignment="1">
      <alignment horizontal="center" vertical="center"/>
    </xf>
    <xf numFmtId="0" fontId="25" fillId="0" borderId="19" xfId="46" applyFont="1" applyBorder="1" applyAlignment="1">
      <alignment horizontal="center" vertical="center"/>
    </xf>
    <xf numFmtId="0" fontId="25" fillId="0" borderId="1" xfId="46" applyFont="1" applyBorder="1" applyAlignment="1">
      <alignment horizontal="center" vertical="center"/>
    </xf>
    <xf numFmtId="0" fontId="25" fillId="0" borderId="20" xfId="46" applyFont="1" applyBorder="1" applyAlignment="1">
      <alignment horizontal="center" vertical="center"/>
    </xf>
    <xf numFmtId="0" fontId="25" fillId="0" borderId="14" xfId="46" applyFont="1" applyBorder="1" applyAlignment="1">
      <alignment horizontal="center" vertical="center" wrapText="1"/>
    </xf>
    <xf numFmtId="0" fontId="25" fillId="0" borderId="18" xfId="46" applyFont="1" applyBorder="1" applyAlignment="1">
      <alignment horizontal="center" vertical="center" wrapText="1"/>
    </xf>
    <xf numFmtId="0" fontId="30" fillId="0" borderId="0" xfId="46" applyFont="1" applyFill="1">
      <alignment vertical="center"/>
    </xf>
    <xf numFmtId="0" fontId="31" fillId="0" borderId="0" xfId="55" applyFont="1" applyFill="1" applyAlignment="1">
      <alignment horizontal="left" vertical="center"/>
    </xf>
    <xf numFmtId="0" fontId="32" fillId="0" borderId="0" xfId="58" applyFont="1" applyAlignment="1">
      <alignment horizontal="center"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6" fillId="0" borderId="0" xfId="58" applyFont="1" applyBorder="1" applyAlignment="1">
      <alignment vertical="top" wrapText="1"/>
    </xf>
    <xf numFmtId="0" fontId="36" fillId="0" borderId="0" xfId="58" applyFont="1" applyBorder="1" applyAlignment="1">
      <alignment horizontal="left" vertical="top" wrapText="1"/>
    </xf>
    <xf numFmtId="0" fontId="36" fillId="0" borderId="0" xfId="58" applyFont="1" applyBorder="1" applyAlignment="1">
      <alignment horizontal="left" vertical="top" wrapText="1"/>
    </xf>
    <xf numFmtId="0" fontId="36" fillId="0" borderId="0" xfId="58" applyFont="1" applyBorder="1" applyAlignment="1">
      <alignment horizontal="left" vertical="top"/>
    </xf>
    <xf numFmtId="0" fontId="36" fillId="0" borderId="0" xfId="58" applyFont="1" applyBorder="1" applyAlignment="1">
      <alignment vertical="center" wrapText="1"/>
    </xf>
    <xf numFmtId="0" fontId="36" fillId="0" borderId="0" xfId="58" applyFont="1" applyBorder="1">
      <alignment vertical="center"/>
    </xf>
    <xf numFmtId="0" fontId="37" fillId="0" borderId="0" xfId="58" applyFont="1">
      <alignment vertical="center"/>
    </xf>
    <xf numFmtId="0" fontId="38" fillId="0" borderId="0" xfId="58" applyFont="1">
      <alignment vertical="center"/>
    </xf>
    <xf numFmtId="0" fontId="39" fillId="0" borderId="0" xfId="58" applyFont="1">
      <alignment vertical="center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13" Type="http://schemas.openxmlformats.org/officeDocument/2006/relationships/customXml" Target="../customXml/item2.xml"/><Relationship Id="rId3" Type="http://schemas.openxmlformats.org/officeDocument/2006/relationships/externalLink" Target="externalLinks/externalLink1.xml"/><Relationship Id="rId7" Type="http://schemas.openxmlformats.org/officeDocument/2006/relationships/externalLink" Target="externalLinks/externalLink5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3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theme" Target="theme/theme1.xml"/><Relationship Id="rId14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>
      <selection activeCell="B1" sqref="B1"/>
    </sheetView>
  </sheetViews>
  <sheetFormatPr defaultRowHeight="13.5"/>
  <cols>
    <col min="1" max="1" width="4" style="40" customWidth="1"/>
    <col min="2" max="2" width="54.125" style="29" customWidth="1"/>
    <col min="3" max="3" width="60.5" style="29" customWidth="1"/>
    <col min="4" max="4" width="52.75" style="29" customWidth="1"/>
    <col min="5" max="16384" width="9" style="29"/>
  </cols>
  <sheetData>
    <row r="1" spans="1:4" s="26" customFormat="1" ht="22.5" customHeight="1">
      <c r="B1" s="27" t="s">
        <v>20</v>
      </c>
    </row>
    <row r="2" spans="1:4" s="26" customFormat="1" ht="22.5" customHeight="1">
      <c r="B2" s="27" t="s">
        <v>21</v>
      </c>
    </row>
    <row r="3" spans="1:4" s="26" customFormat="1" ht="22.5" customHeight="1">
      <c r="B3" s="27" t="s">
        <v>22</v>
      </c>
    </row>
    <row r="4" spans="1:4" ht="122.25" customHeight="1">
      <c r="A4" s="28" t="s">
        <v>23</v>
      </c>
      <c r="B4" s="28"/>
      <c r="C4" s="28"/>
      <c r="D4" s="28"/>
    </row>
    <row r="5" spans="1:4" s="31" customFormat="1" ht="36" customHeight="1">
      <c r="A5" s="30"/>
    </row>
    <row r="6" spans="1:4" s="31" customFormat="1" ht="36" customHeight="1">
      <c r="A6" s="30"/>
      <c r="B6" s="31" t="s">
        <v>24</v>
      </c>
    </row>
    <row r="7" spans="1:4" s="31" customFormat="1" ht="36" customHeight="1">
      <c r="A7" s="30"/>
      <c r="B7" s="32"/>
      <c r="C7" s="33"/>
      <c r="D7" s="33"/>
    </row>
    <row r="8" spans="1:4" s="31" customFormat="1" ht="36" customHeight="1">
      <c r="A8" s="30"/>
      <c r="B8" s="32"/>
      <c r="C8" s="33"/>
      <c r="D8" s="33"/>
    </row>
    <row r="9" spans="1:4" s="31" customFormat="1" ht="36" customHeight="1">
      <c r="A9" s="30"/>
      <c r="B9" s="34"/>
      <c r="C9" s="33"/>
      <c r="D9" s="33"/>
    </row>
    <row r="10" spans="1:4" s="31" customFormat="1" ht="36" customHeight="1">
      <c r="A10" s="30"/>
      <c r="B10" s="32"/>
      <c r="C10" s="33"/>
      <c r="D10" s="33"/>
    </row>
    <row r="11" spans="1:4" s="31" customFormat="1" ht="36" customHeight="1">
      <c r="A11" s="30"/>
      <c r="B11" s="32"/>
      <c r="C11" s="35"/>
      <c r="D11" s="35"/>
    </row>
    <row r="12" spans="1:4" s="31" customFormat="1" ht="36" customHeight="1">
      <c r="A12" s="30"/>
      <c r="B12" s="32"/>
      <c r="C12" s="33"/>
      <c r="D12" s="33"/>
    </row>
    <row r="13" spans="1:4" s="31" customFormat="1" ht="36" customHeight="1">
      <c r="A13" s="30"/>
      <c r="B13" s="36"/>
      <c r="C13" s="36"/>
      <c r="D13" s="37"/>
    </row>
    <row r="14" spans="1:4" s="31" customFormat="1" ht="36" customHeight="1">
      <c r="A14" s="30"/>
      <c r="B14" s="37"/>
      <c r="C14" s="37"/>
      <c r="D14" s="37"/>
    </row>
    <row r="15" spans="1:4" s="31" customFormat="1" ht="36" customHeight="1">
      <c r="A15" s="30"/>
      <c r="B15" s="37"/>
      <c r="C15" s="37"/>
      <c r="D15" s="37"/>
    </row>
    <row r="16" spans="1:4" s="31" customFormat="1" ht="36" customHeight="1">
      <c r="A16" s="30"/>
      <c r="B16" s="37"/>
      <c r="C16" s="37"/>
      <c r="D16" s="37"/>
    </row>
    <row r="17" spans="1:4" s="31" customFormat="1" ht="36" customHeight="1">
      <c r="A17" s="30"/>
      <c r="B17" s="37"/>
      <c r="C17" s="37"/>
      <c r="D17" s="37"/>
    </row>
    <row r="18" spans="1:4" s="31" customFormat="1" ht="36" customHeight="1">
      <c r="A18" s="30"/>
      <c r="B18" s="37"/>
      <c r="C18" s="37"/>
      <c r="D18" s="37"/>
    </row>
    <row r="19" spans="1:4" s="31" customFormat="1" ht="36" customHeight="1">
      <c r="A19" s="30"/>
      <c r="B19" s="37"/>
      <c r="C19" s="37"/>
      <c r="D19" s="37"/>
    </row>
    <row r="20" spans="1:4" s="31" customFormat="1" ht="36" customHeight="1">
      <c r="A20" s="30"/>
    </row>
    <row r="21" spans="1:4" s="31" customFormat="1" ht="36" customHeight="1">
      <c r="A21" s="30"/>
    </row>
    <row r="22" spans="1:4" s="31" customFormat="1" ht="36" customHeight="1">
      <c r="A22" s="30"/>
    </row>
    <row r="23" spans="1:4" s="31" customFormat="1" ht="36" customHeight="1">
      <c r="A23" s="30"/>
    </row>
    <row r="24" spans="1:4" s="31" customFormat="1" ht="36" customHeight="1">
      <c r="A24" s="30"/>
    </row>
    <row r="25" spans="1:4" s="31" customFormat="1" ht="36" customHeight="1">
      <c r="A25" s="30"/>
    </row>
    <row r="26" spans="1:4" s="31" customFormat="1" ht="36" customHeight="1">
      <c r="A26" s="30"/>
    </row>
    <row r="27" spans="1:4" s="31" customFormat="1" ht="36" customHeight="1">
      <c r="A27" s="30"/>
    </row>
    <row r="28" spans="1:4" s="31" customFormat="1" ht="36" customHeight="1">
      <c r="A28" s="30"/>
    </row>
    <row r="29" spans="1:4" s="31" customFormat="1" ht="36" customHeight="1">
      <c r="A29" s="30"/>
    </row>
    <row r="30" spans="1:4" s="31" customFormat="1" ht="36" customHeight="1">
      <c r="A30" s="30"/>
    </row>
    <row r="31" spans="1:4" s="31" customFormat="1" ht="36" customHeight="1">
      <c r="A31" s="30"/>
    </row>
    <row r="32" spans="1:4" s="31" customFormat="1" ht="36" customHeight="1">
      <c r="A32" s="30"/>
    </row>
    <row r="33" spans="1:1" s="31" customFormat="1" ht="36" customHeight="1">
      <c r="A33" s="30"/>
    </row>
    <row r="34" spans="1:1" s="31" customFormat="1" ht="36" customHeight="1">
      <c r="A34" s="30"/>
    </row>
    <row r="35" spans="1:1" s="31" customFormat="1" ht="36" customHeight="1">
      <c r="A35" s="30"/>
    </row>
    <row r="36" spans="1:1" s="31" customFormat="1" ht="36" customHeight="1">
      <c r="A36" s="30"/>
    </row>
    <row r="37" spans="1:1" s="31" customFormat="1" ht="36" customHeight="1">
      <c r="A37" s="30"/>
    </row>
    <row r="38" spans="1:1" s="31" customFormat="1" ht="36" customHeight="1">
      <c r="A38" s="30"/>
    </row>
    <row r="39" spans="1:1" s="31" customFormat="1" ht="36" customHeight="1">
      <c r="A39" s="30"/>
    </row>
    <row r="40" spans="1:1" s="31" customFormat="1" ht="36" customHeight="1">
      <c r="A40" s="30"/>
    </row>
    <row r="41" spans="1:1" s="39" customFormat="1" ht="36" customHeight="1">
      <c r="A41" s="38"/>
    </row>
    <row r="42" spans="1:1" s="39" customFormat="1" ht="36" customHeight="1">
      <c r="A42" s="38"/>
    </row>
    <row r="43" spans="1:1" s="39" customFormat="1" ht="36" customHeight="1">
      <c r="A43" s="38"/>
    </row>
    <row r="44" spans="1:1" s="39" customFormat="1" ht="36" customHeight="1">
      <c r="A44" s="38"/>
    </row>
    <row r="45" spans="1:1" s="39" customFormat="1" ht="36" customHeight="1">
      <c r="A45" s="38"/>
    </row>
    <row r="46" spans="1:1" s="39" customFormat="1" ht="36" customHeight="1">
      <c r="A46" s="38"/>
    </row>
    <row r="47" spans="1:1" s="39" customFormat="1" ht="36" customHeight="1">
      <c r="A47" s="38"/>
    </row>
    <row r="48" spans="1:1" s="39" customFormat="1" ht="36" customHeight="1">
      <c r="A48" s="38"/>
    </row>
    <row r="49" spans="1:1" s="39" customFormat="1" ht="36" customHeight="1">
      <c r="A49" s="38"/>
    </row>
    <row r="50" spans="1:1" s="39" customFormat="1" ht="36" customHeight="1">
      <c r="A50" s="38"/>
    </row>
    <row r="51" spans="1:1" s="39" customFormat="1" ht="36" customHeight="1">
      <c r="A51" s="38"/>
    </row>
    <row r="52" spans="1:1" s="39" customFormat="1" ht="36" customHeight="1">
      <c r="A52" s="38"/>
    </row>
    <row r="53" spans="1:1" s="39" customFormat="1" ht="36" customHeight="1">
      <c r="A53" s="38"/>
    </row>
    <row r="54" spans="1:1" s="39" customFormat="1" ht="36" customHeight="1">
      <c r="A54" s="38"/>
    </row>
    <row r="55" spans="1:1" s="39" customFormat="1" ht="36" customHeight="1">
      <c r="A55" s="38"/>
    </row>
    <row r="56" spans="1:1" s="39" customFormat="1" ht="36" customHeight="1">
      <c r="A56" s="38"/>
    </row>
    <row r="57" spans="1:1" s="39" customFormat="1" ht="24">
      <c r="A57" s="38"/>
    </row>
    <row r="58" spans="1:1" s="39" customFormat="1" ht="24">
      <c r="A58" s="38"/>
    </row>
    <row r="59" spans="1:1" s="39" customFormat="1" ht="24">
      <c r="A59" s="38"/>
    </row>
    <row r="60" spans="1:1" s="39" customFormat="1" ht="24">
      <c r="A60" s="38"/>
    </row>
    <row r="61" spans="1:1" s="39" customFormat="1" ht="24">
      <c r="A61" s="38"/>
    </row>
    <row r="62" spans="1:1" s="39" customFormat="1" ht="24">
      <c r="A62" s="38"/>
    </row>
    <row r="63" spans="1:1" s="39" customFormat="1" ht="24">
      <c r="A63" s="38"/>
    </row>
    <row r="64" spans="1:1" s="39" customFormat="1" ht="24">
      <c r="A64" s="38"/>
    </row>
    <row r="65" spans="1:1" s="39" customFormat="1" ht="24">
      <c r="A65" s="38"/>
    </row>
    <row r="66" spans="1:1" s="39" customFormat="1" ht="24">
      <c r="A66" s="38"/>
    </row>
    <row r="67" spans="1:1" s="39" customFormat="1" ht="24">
      <c r="A67" s="38"/>
    </row>
    <row r="68" spans="1:1" s="39" customFormat="1" ht="24">
      <c r="A68" s="38"/>
    </row>
    <row r="69" spans="1:1" s="39" customFormat="1" ht="24">
      <c r="A69" s="38"/>
    </row>
    <row r="70" spans="1:1" s="39" customFormat="1" ht="24">
      <c r="A70" s="38"/>
    </row>
    <row r="71" spans="1:1" s="39" customFormat="1" ht="24">
      <c r="A71" s="38"/>
    </row>
    <row r="72" spans="1:1" s="39" customFormat="1" ht="24">
      <c r="A72" s="38"/>
    </row>
    <row r="73" spans="1:1" s="39" customFormat="1" ht="24">
      <c r="A73" s="38"/>
    </row>
    <row r="74" spans="1:1" s="39" customFormat="1" ht="24">
      <c r="A74" s="38"/>
    </row>
    <row r="75" spans="1:1" s="39" customFormat="1" ht="24">
      <c r="A75" s="38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19"/>
  <sheetViews>
    <sheetView showGridLines="0" view="pageBreakPreview" zoomScale="55" zoomScaleNormal="55" zoomScaleSheetLayoutView="55" workbookViewId="0">
      <selection activeCell="L14" sqref="L14"/>
    </sheetView>
  </sheetViews>
  <sheetFormatPr defaultColWidth="8.875" defaultRowHeight="18.75"/>
  <cols>
    <col min="1" max="1" width="2.625" style="1" customWidth="1"/>
    <col min="2" max="3" width="3.5" style="1" customWidth="1"/>
    <col min="4" max="4" width="6.5" style="1" customWidth="1"/>
    <col min="5" max="7" width="3.5" style="1" customWidth="1"/>
    <col min="8" max="8" width="21.75" style="1" customWidth="1"/>
    <col min="9" max="14" width="31.125" style="1" customWidth="1"/>
    <col min="15" max="15" width="2.625" style="1" customWidth="1"/>
    <col min="16" max="256" width="8.875" style="1"/>
    <col min="257" max="257" width="2.625" style="1" customWidth="1"/>
    <col min="258" max="259" width="3.5" style="1" customWidth="1"/>
    <col min="260" max="260" width="6.5" style="1" customWidth="1"/>
    <col min="261" max="263" width="3.5" style="1" customWidth="1"/>
    <col min="264" max="264" width="5.5" style="1" customWidth="1"/>
    <col min="265" max="270" width="19.375" style="1" customWidth="1"/>
    <col min="271" max="512" width="8.875" style="1"/>
    <col min="513" max="513" width="2.625" style="1" customWidth="1"/>
    <col min="514" max="515" width="3.5" style="1" customWidth="1"/>
    <col min="516" max="516" width="6.5" style="1" customWidth="1"/>
    <col min="517" max="519" width="3.5" style="1" customWidth="1"/>
    <col min="520" max="520" width="5.5" style="1" customWidth="1"/>
    <col min="521" max="526" width="19.375" style="1" customWidth="1"/>
    <col min="527" max="768" width="8.875" style="1"/>
    <col min="769" max="769" width="2.625" style="1" customWidth="1"/>
    <col min="770" max="771" width="3.5" style="1" customWidth="1"/>
    <col min="772" max="772" width="6.5" style="1" customWidth="1"/>
    <col min="773" max="775" width="3.5" style="1" customWidth="1"/>
    <col min="776" max="776" width="5.5" style="1" customWidth="1"/>
    <col min="777" max="782" width="19.375" style="1" customWidth="1"/>
    <col min="783" max="1024" width="8.875" style="1"/>
    <col min="1025" max="1025" width="2.625" style="1" customWidth="1"/>
    <col min="1026" max="1027" width="3.5" style="1" customWidth="1"/>
    <col min="1028" max="1028" width="6.5" style="1" customWidth="1"/>
    <col min="1029" max="1031" width="3.5" style="1" customWidth="1"/>
    <col min="1032" max="1032" width="5.5" style="1" customWidth="1"/>
    <col min="1033" max="1038" width="19.375" style="1" customWidth="1"/>
    <col min="1039" max="1280" width="8.875" style="1"/>
    <col min="1281" max="1281" width="2.625" style="1" customWidth="1"/>
    <col min="1282" max="1283" width="3.5" style="1" customWidth="1"/>
    <col min="1284" max="1284" width="6.5" style="1" customWidth="1"/>
    <col min="1285" max="1287" width="3.5" style="1" customWidth="1"/>
    <col min="1288" max="1288" width="5.5" style="1" customWidth="1"/>
    <col min="1289" max="1294" width="19.375" style="1" customWidth="1"/>
    <col min="1295" max="1536" width="8.875" style="1"/>
    <col min="1537" max="1537" width="2.625" style="1" customWidth="1"/>
    <col min="1538" max="1539" width="3.5" style="1" customWidth="1"/>
    <col min="1540" max="1540" width="6.5" style="1" customWidth="1"/>
    <col min="1541" max="1543" width="3.5" style="1" customWidth="1"/>
    <col min="1544" max="1544" width="5.5" style="1" customWidth="1"/>
    <col min="1545" max="1550" width="19.375" style="1" customWidth="1"/>
    <col min="1551" max="1792" width="8.875" style="1"/>
    <col min="1793" max="1793" width="2.625" style="1" customWidth="1"/>
    <col min="1794" max="1795" width="3.5" style="1" customWidth="1"/>
    <col min="1796" max="1796" width="6.5" style="1" customWidth="1"/>
    <col min="1797" max="1799" width="3.5" style="1" customWidth="1"/>
    <col min="1800" max="1800" width="5.5" style="1" customWidth="1"/>
    <col min="1801" max="1806" width="19.375" style="1" customWidth="1"/>
    <col min="1807" max="2048" width="8.875" style="1"/>
    <col min="2049" max="2049" width="2.625" style="1" customWidth="1"/>
    <col min="2050" max="2051" width="3.5" style="1" customWidth="1"/>
    <col min="2052" max="2052" width="6.5" style="1" customWidth="1"/>
    <col min="2053" max="2055" width="3.5" style="1" customWidth="1"/>
    <col min="2056" max="2056" width="5.5" style="1" customWidth="1"/>
    <col min="2057" max="2062" width="19.375" style="1" customWidth="1"/>
    <col min="2063" max="2304" width="8.875" style="1"/>
    <col min="2305" max="2305" width="2.625" style="1" customWidth="1"/>
    <col min="2306" max="2307" width="3.5" style="1" customWidth="1"/>
    <col min="2308" max="2308" width="6.5" style="1" customWidth="1"/>
    <col min="2309" max="2311" width="3.5" style="1" customWidth="1"/>
    <col min="2312" max="2312" width="5.5" style="1" customWidth="1"/>
    <col min="2313" max="2318" width="19.375" style="1" customWidth="1"/>
    <col min="2319" max="2560" width="8.875" style="1"/>
    <col min="2561" max="2561" width="2.625" style="1" customWidth="1"/>
    <col min="2562" max="2563" width="3.5" style="1" customWidth="1"/>
    <col min="2564" max="2564" width="6.5" style="1" customWidth="1"/>
    <col min="2565" max="2567" width="3.5" style="1" customWidth="1"/>
    <col min="2568" max="2568" width="5.5" style="1" customWidth="1"/>
    <col min="2569" max="2574" width="19.375" style="1" customWidth="1"/>
    <col min="2575" max="2816" width="8.875" style="1"/>
    <col min="2817" max="2817" width="2.625" style="1" customWidth="1"/>
    <col min="2818" max="2819" width="3.5" style="1" customWidth="1"/>
    <col min="2820" max="2820" width="6.5" style="1" customWidth="1"/>
    <col min="2821" max="2823" width="3.5" style="1" customWidth="1"/>
    <col min="2824" max="2824" width="5.5" style="1" customWidth="1"/>
    <col min="2825" max="2830" width="19.375" style="1" customWidth="1"/>
    <col min="2831" max="3072" width="8.875" style="1"/>
    <col min="3073" max="3073" width="2.625" style="1" customWidth="1"/>
    <col min="3074" max="3075" width="3.5" style="1" customWidth="1"/>
    <col min="3076" max="3076" width="6.5" style="1" customWidth="1"/>
    <col min="3077" max="3079" width="3.5" style="1" customWidth="1"/>
    <col min="3080" max="3080" width="5.5" style="1" customWidth="1"/>
    <col min="3081" max="3086" width="19.375" style="1" customWidth="1"/>
    <col min="3087" max="3328" width="8.875" style="1"/>
    <col min="3329" max="3329" width="2.625" style="1" customWidth="1"/>
    <col min="3330" max="3331" width="3.5" style="1" customWidth="1"/>
    <col min="3332" max="3332" width="6.5" style="1" customWidth="1"/>
    <col min="3333" max="3335" width="3.5" style="1" customWidth="1"/>
    <col min="3336" max="3336" width="5.5" style="1" customWidth="1"/>
    <col min="3337" max="3342" width="19.375" style="1" customWidth="1"/>
    <col min="3343" max="3584" width="8.875" style="1"/>
    <col min="3585" max="3585" width="2.625" style="1" customWidth="1"/>
    <col min="3586" max="3587" width="3.5" style="1" customWidth="1"/>
    <col min="3588" max="3588" width="6.5" style="1" customWidth="1"/>
    <col min="3589" max="3591" width="3.5" style="1" customWidth="1"/>
    <col min="3592" max="3592" width="5.5" style="1" customWidth="1"/>
    <col min="3593" max="3598" width="19.375" style="1" customWidth="1"/>
    <col min="3599" max="3840" width="8.875" style="1"/>
    <col min="3841" max="3841" width="2.625" style="1" customWidth="1"/>
    <col min="3842" max="3843" width="3.5" style="1" customWidth="1"/>
    <col min="3844" max="3844" width="6.5" style="1" customWidth="1"/>
    <col min="3845" max="3847" width="3.5" style="1" customWidth="1"/>
    <col min="3848" max="3848" width="5.5" style="1" customWidth="1"/>
    <col min="3849" max="3854" width="19.375" style="1" customWidth="1"/>
    <col min="3855" max="4096" width="8.875" style="1"/>
    <col min="4097" max="4097" width="2.625" style="1" customWidth="1"/>
    <col min="4098" max="4099" width="3.5" style="1" customWidth="1"/>
    <col min="4100" max="4100" width="6.5" style="1" customWidth="1"/>
    <col min="4101" max="4103" width="3.5" style="1" customWidth="1"/>
    <col min="4104" max="4104" width="5.5" style="1" customWidth="1"/>
    <col min="4105" max="4110" width="19.375" style="1" customWidth="1"/>
    <col min="4111" max="4352" width="8.875" style="1"/>
    <col min="4353" max="4353" width="2.625" style="1" customWidth="1"/>
    <col min="4354" max="4355" width="3.5" style="1" customWidth="1"/>
    <col min="4356" max="4356" width="6.5" style="1" customWidth="1"/>
    <col min="4357" max="4359" width="3.5" style="1" customWidth="1"/>
    <col min="4360" max="4360" width="5.5" style="1" customWidth="1"/>
    <col min="4361" max="4366" width="19.375" style="1" customWidth="1"/>
    <col min="4367" max="4608" width="8.875" style="1"/>
    <col min="4609" max="4609" width="2.625" style="1" customWidth="1"/>
    <col min="4610" max="4611" width="3.5" style="1" customWidth="1"/>
    <col min="4612" max="4612" width="6.5" style="1" customWidth="1"/>
    <col min="4613" max="4615" width="3.5" style="1" customWidth="1"/>
    <col min="4616" max="4616" width="5.5" style="1" customWidth="1"/>
    <col min="4617" max="4622" width="19.375" style="1" customWidth="1"/>
    <col min="4623" max="4864" width="8.875" style="1"/>
    <col min="4865" max="4865" width="2.625" style="1" customWidth="1"/>
    <col min="4866" max="4867" width="3.5" style="1" customWidth="1"/>
    <col min="4868" max="4868" width="6.5" style="1" customWidth="1"/>
    <col min="4869" max="4871" width="3.5" style="1" customWidth="1"/>
    <col min="4872" max="4872" width="5.5" style="1" customWidth="1"/>
    <col min="4873" max="4878" width="19.375" style="1" customWidth="1"/>
    <col min="4879" max="5120" width="8.875" style="1"/>
    <col min="5121" max="5121" width="2.625" style="1" customWidth="1"/>
    <col min="5122" max="5123" width="3.5" style="1" customWidth="1"/>
    <col min="5124" max="5124" width="6.5" style="1" customWidth="1"/>
    <col min="5125" max="5127" width="3.5" style="1" customWidth="1"/>
    <col min="5128" max="5128" width="5.5" style="1" customWidth="1"/>
    <col min="5129" max="5134" width="19.375" style="1" customWidth="1"/>
    <col min="5135" max="5376" width="8.875" style="1"/>
    <col min="5377" max="5377" width="2.625" style="1" customWidth="1"/>
    <col min="5378" max="5379" width="3.5" style="1" customWidth="1"/>
    <col min="5380" max="5380" width="6.5" style="1" customWidth="1"/>
    <col min="5381" max="5383" width="3.5" style="1" customWidth="1"/>
    <col min="5384" max="5384" width="5.5" style="1" customWidth="1"/>
    <col min="5385" max="5390" width="19.375" style="1" customWidth="1"/>
    <col min="5391" max="5632" width="8.875" style="1"/>
    <col min="5633" max="5633" width="2.625" style="1" customWidth="1"/>
    <col min="5634" max="5635" width="3.5" style="1" customWidth="1"/>
    <col min="5636" max="5636" width="6.5" style="1" customWidth="1"/>
    <col min="5637" max="5639" width="3.5" style="1" customWidth="1"/>
    <col min="5640" max="5640" width="5.5" style="1" customWidth="1"/>
    <col min="5641" max="5646" width="19.375" style="1" customWidth="1"/>
    <col min="5647" max="5888" width="8.875" style="1"/>
    <col min="5889" max="5889" width="2.625" style="1" customWidth="1"/>
    <col min="5890" max="5891" width="3.5" style="1" customWidth="1"/>
    <col min="5892" max="5892" width="6.5" style="1" customWidth="1"/>
    <col min="5893" max="5895" width="3.5" style="1" customWidth="1"/>
    <col min="5896" max="5896" width="5.5" style="1" customWidth="1"/>
    <col min="5897" max="5902" width="19.375" style="1" customWidth="1"/>
    <col min="5903" max="6144" width="8.875" style="1"/>
    <col min="6145" max="6145" width="2.625" style="1" customWidth="1"/>
    <col min="6146" max="6147" width="3.5" style="1" customWidth="1"/>
    <col min="6148" max="6148" width="6.5" style="1" customWidth="1"/>
    <col min="6149" max="6151" width="3.5" style="1" customWidth="1"/>
    <col min="6152" max="6152" width="5.5" style="1" customWidth="1"/>
    <col min="6153" max="6158" width="19.375" style="1" customWidth="1"/>
    <col min="6159" max="6400" width="8.875" style="1"/>
    <col min="6401" max="6401" width="2.625" style="1" customWidth="1"/>
    <col min="6402" max="6403" width="3.5" style="1" customWidth="1"/>
    <col min="6404" max="6404" width="6.5" style="1" customWidth="1"/>
    <col min="6405" max="6407" width="3.5" style="1" customWidth="1"/>
    <col min="6408" max="6408" width="5.5" style="1" customWidth="1"/>
    <col min="6409" max="6414" width="19.375" style="1" customWidth="1"/>
    <col min="6415" max="6656" width="8.875" style="1"/>
    <col min="6657" max="6657" width="2.625" style="1" customWidth="1"/>
    <col min="6658" max="6659" width="3.5" style="1" customWidth="1"/>
    <col min="6660" max="6660" width="6.5" style="1" customWidth="1"/>
    <col min="6661" max="6663" width="3.5" style="1" customWidth="1"/>
    <col min="6664" max="6664" width="5.5" style="1" customWidth="1"/>
    <col min="6665" max="6670" width="19.375" style="1" customWidth="1"/>
    <col min="6671" max="6912" width="8.875" style="1"/>
    <col min="6913" max="6913" width="2.625" style="1" customWidth="1"/>
    <col min="6914" max="6915" width="3.5" style="1" customWidth="1"/>
    <col min="6916" max="6916" width="6.5" style="1" customWidth="1"/>
    <col min="6917" max="6919" width="3.5" style="1" customWidth="1"/>
    <col min="6920" max="6920" width="5.5" style="1" customWidth="1"/>
    <col min="6921" max="6926" width="19.375" style="1" customWidth="1"/>
    <col min="6927" max="7168" width="8.875" style="1"/>
    <col min="7169" max="7169" width="2.625" style="1" customWidth="1"/>
    <col min="7170" max="7171" width="3.5" style="1" customWidth="1"/>
    <col min="7172" max="7172" width="6.5" style="1" customWidth="1"/>
    <col min="7173" max="7175" width="3.5" style="1" customWidth="1"/>
    <col min="7176" max="7176" width="5.5" style="1" customWidth="1"/>
    <col min="7177" max="7182" width="19.375" style="1" customWidth="1"/>
    <col min="7183" max="7424" width="8.875" style="1"/>
    <col min="7425" max="7425" width="2.625" style="1" customWidth="1"/>
    <col min="7426" max="7427" width="3.5" style="1" customWidth="1"/>
    <col min="7428" max="7428" width="6.5" style="1" customWidth="1"/>
    <col min="7429" max="7431" width="3.5" style="1" customWidth="1"/>
    <col min="7432" max="7432" width="5.5" style="1" customWidth="1"/>
    <col min="7433" max="7438" width="19.375" style="1" customWidth="1"/>
    <col min="7439" max="7680" width="8.875" style="1"/>
    <col min="7681" max="7681" width="2.625" style="1" customWidth="1"/>
    <col min="7682" max="7683" width="3.5" style="1" customWidth="1"/>
    <col min="7684" max="7684" width="6.5" style="1" customWidth="1"/>
    <col min="7685" max="7687" width="3.5" style="1" customWidth="1"/>
    <col min="7688" max="7688" width="5.5" style="1" customWidth="1"/>
    <col min="7689" max="7694" width="19.375" style="1" customWidth="1"/>
    <col min="7695" max="7936" width="8.875" style="1"/>
    <col min="7937" max="7937" width="2.625" style="1" customWidth="1"/>
    <col min="7938" max="7939" width="3.5" style="1" customWidth="1"/>
    <col min="7940" max="7940" width="6.5" style="1" customWidth="1"/>
    <col min="7941" max="7943" width="3.5" style="1" customWidth="1"/>
    <col min="7944" max="7944" width="5.5" style="1" customWidth="1"/>
    <col min="7945" max="7950" width="19.375" style="1" customWidth="1"/>
    <col min="7951" max="8192" width="8.875" style="1"/>
    <col min="8193" max="8193" width="2.625" style="1" customWidth="1"/>
    <col min="8194" max="8195" width="3.5" style="1" customWidth="1"/>
    <col min="8196" max="8196" width="6.5" style="1" customWidth="1"/>
    <col min="8197" max="8199" width="3.5" style="1" customWidth="1"/>
    <col min="8200" max="8200" width="5.5" style="1" customWidth="1"/>
    <col min="8201" max="8206" width="19.375" style="1" customWidth="1"/>
    <col min="8207" max="8448" width="8.875" style="1"/>
    <col min="8449" max="8449" width="2.625" style="1" customWidth="1"/>
    <col min="8450" max="8451" width="3.5" style="1" customWidth="1"/>
    <col min="8452" max="8452" width="6.5" style="1" customWidth="1"/>
    <col min="8453" max="8455" width="3.5" style="1" customWidth="1"/>
    <col min="8456" max="8456" width="5.5" style="1" customWidth="1"/>
    <col min="8457" max="8462" width="19.375" style="1" customWidth="1"/>
    <col min="8463" max="8704" width="8.875" style="1"/>
    <col min="8705" max="8705" width="2.625" style="1" customWidth="1"/>
    <col min="8706" max="8707" width="3.5" style="1" customWidth="1"/>
    <col min="8708" max="8708" width="6.5" style="1" customWidth="1"/>
    <col min="8709" max="8711" width="3.5" style="1" customWidth="1"/>
    <col min="8712" max="8712" width="5.5" style="1" customWidth="1"/>
    <col min="8713" max="8718" width="19.375" style="1" customWidth="1"/>
    <col min="8719" max="8960" width="8.875" style="1"/>
    <col min="8961" max="8961" width="2.625" style="1" customWidth="1"/>
    <col min="8962" max="8963" width="3.5" style="1" customWidth="1"/>
    <col min="8964" max="8964" width="6.5" style="1" customWidth="1"/>
    <col min="8965" max="8967" width="3.5" style="1" customWidth="1"/>
    <col min="8968" max="8968" width="5.5" style="1" customWidth="1"/>
    <col min="8969" max="8974" width="19.375" style="1" customWidth="1"/>
    <col min="8975" max="9216" width="8.875" style="1"/>
    <col min="9217" max="9217" width="2.625" style="1" customWidth="1"/>
    <col min="9218" max="9219" width="3.5" style="1" customWidth="1"/>
    <col min="9220" max="9220" width="6.5" style="1" customWidth="1"/>
    <col min="9221" max="9223" width="3.5" style="1" customWidth="1"/>
    <col min="9224" max="9224" width="5.5" style="1" customWidth="1"/>
    <col min="9225" max="9230" width="19.375" style="1" customWidth="1"/>
    <col min="9231" max="9472" width="8.875" style="1"/>
    <col min="9473" max="9473" width="2.625" style="1" customWidth="1"/>
    <col min="9474" max="9475" width="3.5" style="1" customWidth="1"/>
    <col min="9476" max="9476" width="6.5" style="1" customWidth="1"/>
    <col min="9477" max="9479" width="3.5" style="1" customWidth="1"/>
    <col min="9480" max="9480" width="5.5" style="1" customWidth="1"/>
    <col min="9481" max="9486" width="19.375" style="1" customWidth="1"/>
    <col min="9487" max="9728" width="8.875" style="1"/>
    <col min="9729" max="9729" width="2.625" style="1" customWidth="1"/>
    <col min="9730" max="9731" width="3.5" style="1" customWidth="1"/>
    <col min="9732" max="9732" width="6.5" style="1" customWidth="1"/>
    <col min="9733" max="9735" width="3.5" style="1" customWidth="1"/>
    <col min="9736" max="9736" width="5.5" style="1" customWidth="1"/>
    <col min="9737" max="9742" width="19.375" style="1" customWidth="1"/>
    <col min="9743" max="9984" width="8.875" style="1"/>
    <col min="9985" max="9985" width="2.625" style="1" customWidth="1"/>
    <col min="9986" max="9987" width="3.5" style="1" customWidth="1"/>
    <col min="9988" max="9988" width="6.5" style="1" customWidth="1"/>
    <col min="9989" max="9991" width="3.5" style="1" customWidth="1"/>
    <col min="9992" max="9992" width="5.5" style="1" customWidth="1"/>
    <col min="9993" max="9998" width="19.375" style="1" customWidth="1"/>
    <col min="9999" max="10240" width="8.875" style="1"/>
    <col min="10241" max="10241" width="2.625" style="1" customWidth="1"/>
    <col min="10242" max="10243" width="3.5" style="1" customWidth="1"/>
    <col min="10244" max="10244" width="6.5" style="1" customWidth="1"/>
    <col min="10245" max="10247" width="3.5" style="1" customWidth="1"/>
    <col min="10248" max="10248" width="5.5" style="1" customWidth="1"/>
    <col min="10249" max="10254" width="19.375" style="1" customWidth="1"/>
    <col min="10255" max="10496" width="8.875" style="1"/>
    <col min="10497" max="10497" width="2.625" style="1" customWidth="1"/>
    <col min="10498" max="10499" width="3.5" style="1" customWidth="1"/>
    <col min="10500" max="10500" width="6.5" style="1" customWidth="1"/>
    <col min="10501" max="10503" width="3.5" style="1" customWidth="1"/>
    <col min="10504" max="10504" width="5.5" style="1" customWidth="1"/>
    <col min="10505" max="10510" width="19.375" style="1" customWidth="1"/>
    <col min="10511" max="10752" width="8.875" style="1"/>
    <col min="10753" max="10753" width="2.625" style="1" customWidth="1"/>
    <col min="10754" max="10755" width="3.5" style="1" customWidth="1"/>
    <col min="10756" max="10756" width="6.5" style="1" customWidth="1"/>
    <col min="10757" max="10759" width="3.5" style="1" customWidth="1"/>
    <col min="10760" max="10760" width="5.5" style="1" customWidth="1"/>
    <col min="10761" max="10766" width="19.375" style="1" customWidth="1"/>
    <col min="10767" max="11008" width="8.875" style="1"/>
    <col min="11009" max="11009" width="2.625" style="1" customWidth="1"/>
    <col min="11010" max="11011" width="3.5" style="1" customWidth="1"/>
    <col min="11012" max="11012" width="6.5" style="1" customWidth="1"/>
    <col min="11013" max="11015" width="3.5" style="1" customWidth="1"/>
    <col min="11016" max="11016" width="5.5" style="1" customWidth="1"/>
    <col min="11017" max="11022" width="19.375" style="1" customWidth="1"/>
    <col min="11023" max="11264" width="8.875" style="1"/>
    <col min="11265" max="11265" width="2.625" style="1" customWidth="1"/>
    <col min="11266" max="11267" width="3.5" style="1" customWidth="1"/>
    <col min="11268" max="11268" width="6.5" style="1" customWidth="1"/>
    <col min="11269" max="11271" width="3.5" style="1" customWidth="1"/>
    <col min="11272" max="11272" width="5.5" style="1" customWidth="1"/>
    <col min="11273" max="11278" width="19.375" style="1" customWidth="1"/>
    <col min="11279" max="11520" width="8.875" style="1"/>
    <col min="11521" max="11521" width="2.625" style="1" customWidth="1"/>
    <col min="11522" max="11523" width="3.5" style="1" customWidth="1"/>
    <col min="11524" max="11524" width="6.5" style="1" customWidth="1"/>
    <col min="11525" max="11527" width="3.5" style="1" customWidth="1"/>
    <col min="11528" max="11528" width="5.5" style="1" customWidth="1"/>
    <col min="11529" max="11534" width="19.375" style="1" customWidth="1"/>
    <col min="11535" max="11776" width="8.875" style="1"/>
    <col min="11777" max="11777" width="2.625" style="1" customWidth="1"/>
    <col min="11778" max="11779" width="3.5" style="1" customWidth="1"/>
    <col min="11780" max="11780" width="6.5" style="1" customWidth="1"/>
    <col min="11781" max="11783" width="3.5" style="1" customWidth="1"/>
    <col min="11784" max="11784" width="5.5" style="1" customWidth="1"/>
    <col min="11785" max="11790" width="19.375" style="1" customWidth="1"/>
    <col min="11791" max="12032" width="8.875" style="1"/>
    <col min="12033" max="12033" width="2.625" style="1" customWidth="1"/>
    <col min="12034" max="12035" width="3.5" style="1" customWidth="1"/>
    <col min="12036" max="12036" width="6.5" style="1" customWidth="1"/>
    <col min="12037" max="12039" width="3.5" style="1" customWidth="1"/>
    <col min="12040" max="12040" width="5.5" style="1" customWidth="1"/>
    <col min="12041" max="12046" width="19.375" style="1" customWidth="1"/>
    <col min="12047" max="12288" width="8.875" style="1"/>
    <col min="12289" max="12289" width="2.625" style="1" customWidth="1"/>
    <col min="12290" max="12291" width="3.5" style="1" customWidth="1"/>
    <col min="12292" max="12292" width="6.5" style="1" customWidth="1"/>
    <col min="12293" max="12295" width="3.5" style="1" customWidth="1"/>
    <col min="12296" max="12296" width="5.5" style="1" customWidth="1"/>
    <col min="12297" max="12302" width="19.375" style="1" customWidth="1"/>
    <col min="12303" max="12544" width="8.875" style="1"/>
    <col min="12545" max="12545" width="2.625" style="1" customWidth="1"/>
    <col min="12546" max="12547" width="3.5" style="1" customWidth="1"/>
    <col min="12548" max="12548" width="6.5" style="1" customWidth="1"/>
    <col min="12549" max="12551" width="3.5" style="1" customWidth="1"/>
    <col min="12552" max="12552" width="5.5" style="1" customWidth="1"/>
    <col min="12553" max="12558" width="19.375" style="1" customWidth="1"/>
    <col min="12559" max="12800" width="8.875" style="1"/>
    <col min="12801" max="12801" width="2.625" style="1" customWidth="1"/>
    <col min="12802" max="12803" width="3.5" style="1" customWidth="1"/>
    <col min="12804" max="12804" width="6.5" style="1" customWidth="1"/>
    <col min="12805" max="12807" width="3.5" style="1" customWidth="1"/>
    <col min="12808" max="12808" width="5.5" style="1" customWidth="1"/>
    <col min="12809" max="12814" width="19.375" style="1" customWidth="1"/>
    <col min="12815" max="13056" width="8.875" style="1"/>
    <col min="13057" max="13057" width="2.625" style="1" customWidth="1"/>
    <col min="13058" max="13059" width="3.5" style="1" customWidth="1"/>
    <col min="13060" max="13060" width="6.5" style="1" customWidth="1"/>
    <col min="13061" max="13063" width="3.5" style="1" customWidth="1"/>
    <col min="13064" max="13064" width="5.5" style="1" customWidth="1"/>
    <col min="13065" max="13070" width="19.375" style="1" customWidth="1"/>
    <col min="13071" max="13312" width="8.875" style="1"/>
    <col min="13313" max="13313" width="2.625" style="1" customWidth="1"/>
    <col min="13314" max="13315" width="3.5" style="1" customWidth="1"/>
    <col min="13316" max="13316" width="6.5" style="1" customWidth="1"/>
    <col min="13317" max="13319" width="3.5" style="1" customWidth="1"/>
    <col min="13320" max="13320" width="5.5" style="1" customWidth="1"/>
    <col min="13321" max="13326" width="19.375" style="1" customWidth="1"/>
    <col min="13327" max="13568" width="8.875" style="1"/>
    <col min="13569" max="13569" width="2.625" style="1" customWidth="1"/>
    <col min="13570" max="13571" width="3.5" style="1" customWidth="1"/>
    <col min="13572" max="13572" width="6.5" style="1" customWidth="1"/>
    <col min="13573" max="13575" width="3.5" style="1" customWidth="1"/>
    <col min="13576" max="13576" width="5.5" style="1" customWidth="1"/>
    <col min="13577" max="13582" width="19.375" style="1" customWidth="1"/>
    <col min="13583" max="13824" width="8.875" style="1"/>
    <col min="13825" max="13825" width="2.625" style="1" customWidth="1"/>
    <col min="13826" max="13827" width="3.5" style="1" customWidth="1"/>
    <col min="13828" max="13828" width="6.5" style="1" customWidth="1"/>
    <col min="13829" max="13831" width="3.5" style="1" customWidth="1"/>
    <col min="13832" max="13832" width="5.5" style="1" customWidth="1"/>
    <col min="13833" max="13838" width="19.375" style="1" customWidth="1"/>
    <col min="13839" max="14080" width="8.875" style="1"/>
    <col min="14081" max="14081" width="2.625" style="1" customWidth="1"/>
    <col min="14082" max="14083" width="3.5" style="1" customWidth="1"/>
    <col min="14084" max="14084" width="6.5" style="1" customWidth="1"/>
    <col min="14085" max="14087" width="3.5" style="1" customWidth="1"/>
    <col min="14088" max="14088" width="5.5" style="1" customWidth="1"/>
    <col min="14089" max="14094" width="19.375" style="1" customWidth="1"/>
    <col min="14095" max="14336" width="8.875" style="1"/>
    <col min="14337" max="14337" width="2.625" style="1" customWidth="1"/>
    <col min="14338" max="14339" width="3.5" style="1" customWidth="1"/>
    <col min="14340" max="14340" width="6.5" style="1" customWidth="1"/>
    <col min="14341" max="14343" width="3.5" style="1" customWidth="1"/>
    <col min="14344" max="14344" width="5.5" style="1" customWidth="1"/>
    <col min="14345" max="14350" width="19.375" style="1" customWidth="1"/>
    <col min="14351" max="14592" width="8.875" style="1"/>
    <col min="14593" max="14593" width="2.625" style="1" customWidth="1"/>
    <col min="14594" max="14595" width="3.5" style="1" customWidth="1"/>
    <col min="14596" max="14596" width="6.5" style="1" customWidth="1"/>
    <col min="14597" max="14599" width="3.5" style="1" customWidth="1"/>
    <col min="14600" max="14600" width="5.5" style="1" customWidth="1"/>
    <col min="14601" max="14606" width="19.375" style="1" customWidth="1"/>
    <col min="14607" max="14848" width="8.875" style="1"/>
    <col min="14849" max="14849" width="2.625" style="1" customWidth="1"/>
    <col min="14850" max="14851" width="3.5" style="1" customWidth="1"/>
    <col min="14852" max="14852" width="6.5" style="1" customWidth="1"/>
    <col min="14853" max="14855" width="3.5" style="1" customWidth="1"/>
    <col min="14856" max="14856" width="5.5" style="1" customWidth="1"/>
    <col min="14857" max="14862" width="19.375" style="1" customWidth="1"/>
    <col min="14863" max="15104" width="8.875" style="1"/>
    <col min="15105" max="15105" width="2.625" style="1" customWidth="1"/>
    <col min="15106" max="15107" width="3.5" style="1" customWidth="1"/>
    <col min="15108" max="15108" width="6.5" style="1" customWidth="1"/>
    <col min="15109" max="15111" width="3.5" style="1" customWidth="1"/>
    <col min="15112" max="15112" width="5.5" style="1" customWidth="1"/>
    <col min="15113" max="15118" width="19.375" style="1" customWidth="1"/>
    <col min="15119" max="15360" width="8.875" style="1"/>
    <col min="15361" max="15361" width="2.625" style="1" customWidth="1"/>
    <col min="15362" max="15363" width="3.5" style="1" customWidth="1"/>
    <col min="15364" max="15364" width="6.5" style="1" customWidth="1"/>
    <col min="15365" max="15367" width="3.5" style="1" customWidth="1"/>
    <col min="15368" max="15368" width="5.5" style="1" customWidth="1"/>
    <col min="15369" max="15374" width="19.375" style="1" customWidth="1"/>
    <col min="15375" max="15616" width="8.875" style="1"/>
    <col min="15617" max="15617" width="2.625" style="1" customWidth="1"/>
    <col min="15618" max="15619" width="3.5" style="1" customWidth="1"/>
    <col min="15620" max="15620" width="6.5" style="1" customWidth="1"/>
    <col min="15621" max="15623" width="3.5" style="1" customWidth="1"/>
    <col min="15624" max="15624" width="5.5" style="1" customWidth="1"/>
    <col min="15625" max="15630" width="19.375" style="1" customWidth="1"/>
    <col min="15631" max="15872" width="8.875" style="1"/>
    <col min="15873" max="15873" width="2.625" style="1" customWidth="1"/>
    <col min="15874" max="15875" width="3.5" style="1" customWidth="1"/>
    <col min="15876" max="15876" width="6.5" style="1" customWidth="1"/>
    <col min="15877" max="15879" width="3.5" style="1" customWidth="1"/>
    <col min="15880" max="15880" width="5.5" style="1" customWidth="1"/>
    <col min="15881" max="15886" width="19.375" style="1" customWidth="1"/>
    <col min="15887" max="16128" width="8.875" style="1"/>
    <col min="16129" max="16129" width="2.625" style="1" customWidth="1"/>
    <col min="16130" max="16131" width="3.5" style="1" customWidth="1"/>
    <col min="16132" max="16132" width="6.5" style="1" customWidth="1"/>
    <col min="16133" max="16135" width="3.5" style="1" customWidth="1"/>
    <col min="16136" max="16136" width="5.5" style="1" customWidth="1"/>
    <col min="16137" max="16142" width="19.375" style="1" customWidth="1"/>
    <col min="16143" max="16384" width="8.875" style="1"/>
  </cols>
  <sheetData>
    <row r="1" spans="2:14" s="3" customFormat="1" ht="22.5" customHeight="1">
      <c r="B1" s="6" t="s">
        <v>20</v>
      </c>
    </row>
    <row r="2" spans="2:14" s="3" customFormat="1" ht="22.5" customHeight="1">
      <c r="B2" s="6" t="s">
        <v>21</v>
      </c>
    </row>
    <row r="3" spans="2:14" s="3" customFormat="1" ht="22.5" customHeight="1">
      <c r="B3" s="6" t="s">
        <v>22</v>
      </c>
    </row>
    <row r="5" spans="2:14">
      <c r="B5" s="17" t="s">
        <v>9</v>
      </c>
      <c r="C5" s="18"/>
      <c r="D5" s="18"/>
      <c r="E5" s="18"/>
      <c r="F5" s="18"/>
      <c r="G5" s="18"/>
      <c r="H5" s="18"/>
      <c r="I5" s="18"/>
      <c r="J5" s="18"/>
      <c r="K5" s="18"/>
      <c r="L5" s="18"/>
      <c r="M5" s="18"/>
      <c r="N5" s="18"/>
    </row>
    <row r="6" spans="2:14">
      <c r="B6" s="18"/>
      <c r="C6" s="18"/>
      <c r="D6" s="18"/>
      <c r="E6" s="18"/>
      <c r="F6" s="18"/>
      <c r="G6" s="18"/>
      <c r="H6" s="18"/>
      <c r="I6" s="18"/>
      <c r="J6" s="18"/>
      <c r="K6" s="18"/>
      <c r="L6" s="18"/>
      <c r="M6" s="18"/>
      <c r="N6" s="18"/>
    </row>
    <row r="7" spans="2:14">
      <c r="B7" s="10"/>
      <c r="C7" s="10"/>
      <c r="D7" s="10"/>
      <c r="F7" s="4"/>
      <c r="N7" s="2" t="s">
        <v>10</v>
      </c>
    </row>
    <row r="8" spans="2:14" ht="20.100000000000001" customHeight="1">
      <c r="B8" s="11" t="s">
        <v>8</v>
      </c>
      <c r="C8" s="12"/>
      <c r="D8" s="12"/>
      <c r="E8" s="12"/>
      <c r="F8" s="12"/>
      <c r="G8" s="12"/>
      <c r="H8" s="13"/>
      <c r="I8" s="19" t="s">
        <v>5</v>
      </c>
      <c r="J8" s="19" t="s">
        <v>4</v>
      </c>
      <c r="K8" s="21" t="s">
        <v>3</v>
      </c>
      <c r="L8" s="22"/>
      <c r="M8" s="23"/>
      <c r="N8" s="24" t="s">
        <v>7</v>
      </c>
    </row>
    <row r="9" spans="2:14" ht="20.100000000000001" customHeight="1">
      <c r="B9" s="14"/>
      <c r="C9" s="15"/>
      <c r="D9" s="15"/>
      <c r="E9" s="15"/>
      <c r="F9" s="15"/>
      <c r="G9" s="15"/>
      <c r="H9" s="16"/>
      <c r="I9" s="20"/>
      <c r="J9" s="20"/>
      <c r="K9" s="5" t="s">
        <v>6</v>
      </c>
      <c r="L9" s="5" t="s">
        <v>0</v>
      </c>
      <c r="M9" s="5" t="s">
        <v>2</v>
      </c>
      <c r="N9" s="25"/>
    </row>
    <row r="10" spans="2:14" ht="31.7" customHeight="1">
      <c r="B10" s="8" t="s">
        <v>11</v>
      </c>
      <c r="C10" s="8"/>
      <c r="D10" s="8"/>
      <c r="E10" s="8"/>
      <c r="F10" s="8"/>
      <c r="G10" s="8"/>
      <c r="H10" s="8"/>
      <c r="I10" s="7">
        <v>0</v>
      </c>
      <c r="J10" s="7">
        <v>0</v>
      </c>
      <c r="K10" s="7"/>
      <c r="L10" s="7"/>
      <c r="M10" s="7">
        <v>0</v>
      </c>
      <c r="N10" s="7">
        <v>0</v>
      </c>
    </row>
    <row r="11" spans="2:14" ht="31.7" customHeight="1">
      <c r="B11" s="8" t="s">
        <v>12</v>
      </c>
      <c r="C11" s="8"/>
      <c r="D11" s="8"/>
      <c r="E11" s="8"/>
      <c r="F11" s="8"/>
      <c r="G11" s="8"/>
      <c r="H11" s="8"/>
      <c r="I11" s="7">
        <v>0</v>
      </c>
      <c r="J11" s="7">
        <v>0</v>
      </c>
      <c r="K11" s="7"/>
      <c r="L11" s="7"/>
      <c r="M11" s="7">
        <v>0</v>
      </c>
      <c r="N11" s="7">
        <v>0</v>
      </c>
    </row>
    <row r="12" spans="2:14" ht="31.7" customHeight="1">
      <c r="B12" s="8" t="s">
        <v>13</v>
      </c>
      <c r="C12" s="8"/>
      <c r="D12" s="8"/>
      <c r="E12" s="8"/>
      <c r="F12" s="8"/>
      <c r="G12" s="8"/>
      <c r="H12" s="8"/>
      <c r="I12" s="7">
        <v>0</v>
      </c>
      <c r="J12" s="7">
        <v>0</v>
      </c>
      <c r="K12" s="7"/>
      <c r="L12" s="7"/>
      <c r="M12" s="7">
        <v>0</v>
      </c>
      <c r="N12" s="7">
        <v>0</v>
      </c>
    </row>
    <row r="13" spans="2:14" ht="31.7" customHeight="1">
      <c r="B13" s="8" t="s">
        <v>14</v>
      </c>
      <c r="C13" s="8"/>
      <c r="D13" s="8"/>
      <c r="E13" s="8"/>
      <c r="F13" s="8"/>
      <c r="G13" s="8"/>
      <c r="H13" s="8"/>
      <c r="I13" s="7">
        <v>0</v>
      </c>
      <c r="J13" s="7">
        <v>0</v>
      </c>
      <c r="K13" s="7"/>
      <c r="L13" s="7"/>
      <c r="M13" s="7">
        <v>0</v>
      </c>
      <c r="N13" s="7">
        <v>0</v>
      </c>
    </row>
    <row r="14" spans="2:14" ht="31.7" customHeight="1">
      <c r="B14" s="8" t="s">
        <v>15</v>
      </c>
      <c r="C14" s="8"/>
      <c r="D14" s="8"/>
      <c r="E14" s="8"/>
      <c r="F14" s="8"/>
      <c r="G14" s="8"/>
      <c r="H14" s="8"/>
      <c r="I14" s="7">
        <v>0</v>
      </c>
      <c r="J14" s="7">
        <v>0</v>
      </c>
      <c r="K14" s="7"/>
      <c r="L14" s="7"/>
      <c r="M14" s="7">
        <v>0</v>
      </c>
      <c r="N14" s="7">
        <v>0</v>
      </c>
    </row>
    <row r="15" spans="2:14" ht="31.7" customHeight="1">
      <c r="B15" s="8" t="s">
        <v>16</v>
      </c>
      <c r="C15" s="8"/>
      <c r="D15" s="8"/>
      <c r="E15" s="8"/>
      <c r="F15" s="8"/>
      <c r="G15" s="8"/>
      <c r="H15" s="8"/>
      <c r="I15" s="7">
        <v>0</v>
      </c>
      <c r="J15" s="7">
        <v>0</v>
      </c>
      <c r="K15" s="7"/>
      <c r="L15" s="7"/>
      <c r="M15" s="7">
        <v>0</v>
      </c>
      <c r="N15" s="7">
        <v>0</v>
      </c>
    </row>
    <row r="16" spans="2:14" ht="31.7" customHeight="1">
      <c r="B16" s="8" t="s">
        <v>17</v>
      </c>
      <c r="C16" s="8"/>
      <c r="D16" s="8"/>
      <c r="E16" s="8"/>
      <c r="F16" s="8"/>
      <c r="G16" s="8"/>
      <c r="H16" s="8"/>
      <c r="I16" s="7">
        <v>4208698</v>
      </c>
      <c r="J16" s="7">
        <v>0</v>
      </c>
      <c r="K16" s="7">
        <v>4208698</v>
      </c>
      <c r="L16" s="7"/>
      <c r="M16" s="7">
        <v>4208698</v>
      </c>
      <c r="N16" s="7">
        <v>0</v>
      </c>
    </row>
    <row r="17" spans="2:14" ht="31.7" customHeight="1">
      <c r="B17" s="8" t="s">
        <v>18</v>
      </c>
      <c r="C17" s="8"/>
      <c r="D17" s="8"/>
      <c r="E17" s="8"/>
      <c r="F17" s="8"/>
      <c r="G17" s="8"/>
      <c r="H17" s="8"/>
      <c r="I17" s="7">
        <v>49572186</v>
      </c>
      <c r="J17" s="7">
        <v>0</v>
      </c>
      <c r="K17" s="7">
        <v>49572186</v>
      </c>
      <c r="L17" s="7"/>
      <c r="M17" s="7">
        <v>49572186</v>
      </c>
      <c r="N17" s="7">
        <v>0</v>
      </c>
    </row>
    <row r="18" spans="2:14" ht="31.7" customHeight="1">
      <c r="B18" s="8" t="s">
        <v>19</v>
      </c>
      <c r="C18" s="8"/>
      <c r="D18" s="8"/>
      <c r="E18" s="8"/>
      <c r="F18" s="8"/>
      <c r="G18" s="8"/>
      <c r="H18" s="8"/>
      <c r="I18" s="7">
        <v>0</v>
      </c>
      <c r="J18" s="7">
        <v>0</v>
      </c>
      <c r="K18" s="7">
        <v>0</v>
      </c>
      <c r="L18" s="7"/>
      <c r="M18" s="7">
        <v>0</v>
      </c>
      <c r="N18" s="7">
        <v>0</v>
      </c>
    </row>
    <row r="19" spans="2:14" ht="31.7" customHeight="1">
      <c r="B19" s="9" t="s">
        <v>1</v>
      </c>
      <c r="C19" s="9"/>
      <c r="D19" s="9"/>
      <c r="E19" s="9"/>
      <c r="F19" s="9"/>
      <c r="G19" s="9"/>
      <c r="H19" s="9"/>
      <c r="I19" s="7">
        <v>53780884</v>
      </c>
      <c r="J19" s="7">
        <v>0</v>
      </c>
      <c r="K19" s="7">
        <v>53780884</v>
      </c>
      <c r="L19" s="7"/>
      <c r="M19" s="7">
        <v>53780884</v>
      </c>
      <c r="N19" s="7">
        <v>0</v>
      </c>
    </row>
  </sheetData>
  <mergeCells count="17">
    <mergeCell ref="B11:H11"/>
    <mergeCell ref="B7:D7"/>
    <mergeCell ref="B8:H9"/>
    <mergeCell ref="B5:N6"/>
    <mergeCell ref="I8:I9"/>
    <mergeCell ref="J8:J9"/>
    <mergeCell ref="K8:M8"/>
    <mergeCell ref="N8:N9"/>
    <mergeCell ref="B10:H10"/>
    <mergeCell ref="B18:H18"/>
    <mergeCell ref="B19:H19"/>
    <mergeCell ref="B12:H12"/>
    <mergeCell ref="B13:H13"/>
    <mergeCell ref="B14:H14"/>
    <mergeCell ref="B15:H15"/>
    <mergeCell ref="B16:H16"/>
    <mergeCell ref="B17:H17"/>
  </mergeCells>
  <phoneticPr fontId="23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>
  <documentManagement>
    <_x5bfe__x8c61__x30e6__x30fc__x30b6__x30fc_ xmlns="11024bab-5865-4cd5-8644-80491a500b55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B3E7915481735C4F9E407D9A96546F93" ma:contentTypeVersion="1" ma:contentTypeDescription="新しいドキュメントを作成します。" ma:contentTypeScope="" ma:versionID="f69514e3a2d3955dea364bf7c8f82bcc">
  <xsd:schema xmlns:xsd="http://www.w3.org/2001/XMLSchema" xmlns:p="http://schemas.microsoft.com/office/2006/metadata/properties" xmlns:ns2="11024bab-5865-4cd5-8644-80491a500b55" targetNamespace="http://schemas.microsoft.com/office/2006/metadata/properties" ma:root="true" ma:fieldsID="739817dc48a88ef7c930f8e8e14cd45c" ns2:_="">
    <xsd:import namespace="11024bab-5865-4cd5-8644-80491a500b55"/>
    <xsd:element name="properties">
      <xsd:complexType>
        <xsd:sequence>
          <xsd:element name="documentManagement">
            <xsd:complexType>
              <xsd:all>
                <xsd:element ref="ns2:_x5bfe__x8c61__x30e6__x30fc__x30b6__x30fc_" minOccurs="0"/>
              </xsd:all>
            </xsd:complexType>
          </xsd:element>
        </xsd:sequence>
      </xsd:complexType>
    </xsd:element>
  </xsd:schema>
  <xsd:schema xmlns:xsd="http://www.w3.org/2001/XMLSchema" xmlns:dms="http://schemas.microsoft.com/office/2006/documentManagement/types" targetNamespace="11024bab-5865-4cd5-8644-80491a500b55" elementFormDefault="qualified">
    <xsd:import namespace="http://schemas.microsoft.com/office/2006/documentManagement/types"/>
    <xsd:element name="_x5bfe__x8c61__x30e6__x30fc__x30b6__x30fc_" ma:index="8" nillable="true" ma:displayName="対象ユーザー" ma:internalName="_x5bfe__x8c61__x30e6__x30fc__x30b6__x30fc_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4" ma:displayName="コンテンツ タイプ" ma:readOnly="true"/>
        <xsd:element ref="dc:title" minOccurs="0" maxOccurs="1" ma:index="1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Props1.xml><?xml version="1.0" encoding="utf-8"?>
<ds:datastoreItem xmlns:ds="http://schemas.openxmlformats.org/officeDocument/2006/customXml" ds:itemID="{9913F11E-1694-45D0-901A-A1B4258A4793}">
  <ds:schemaRefs>
    <ds:schemaRef ds:uri="http://purl.org/dc/terms/"/>
    <ds:schemaRef ds:uri="http://purl.org/dc/dcmitype/"/>
    <ds:schemaRef ds:uri="http://schemas.openxmlformats.org/package/2006/metadata/core-properties"/>
    <ds:schemaRef ds:uri="http://www.w3.org/XML/1998/namespace"/>
    <ds:schemaRef ds:uri="http://schemas.microsoft.com/office/2006/documentManagement/types"/>
    <ds:schemaRef ds:uri="http://schemas.microsoft.com/office/2006/metadata/properties"/>
    <ds:schemaRef ds:uri="11024bab-5865-4cd5-8644-80491a500b55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B664E6B9-47FE-4E54-9DB9-1ADA36236DB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989C886-C2AA-4A8F-AFB5-4C8C4E3281D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1024bab-5865-4cd5-8644-80491a500b55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3</vt:i4>
      </vt:variant>
    </vt:vector>
  </HeadingPairs>
  <TitlesOfParts>
    <vt:vector size="5" baseType="lpstr">
      <vt:lpstr>注記</vt:lpstr>
      <vt:lpstr>引当金明細表 </vt:lpstr>
      <vt:lpstr>'引当金明細表 '!Print_Area</vt:lpstr>
      <vt:lpstr>注記!Print_Area</vt:lpstr>
      <vt:lpstr>注記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矢野　剛史</dc:creator>
  <cp:lastModifiedBy>東尾　佑一</cp:lastModifiedBy>
  <cp:lastPrinted>2016-08-25T04:50:52Z</cp:lastPrinted>
  <dcterms:created xsi:type="dcterms:W3CDTF">2012-08-15T03:25:30Z</dcterms:created>
  <dcterms:modified xsi:type="dcterms:W3CDTF">2017-01-26T02:53:2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対象ユーザー">
    <vt:lpwstr/>
  </property>
</Properties>
</file>